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6\③一般競争入札\3.告示起案（業務委託　２項目以上）\告示用\220【高尾】\"/>
    </mc:Choice>
  </mc:AlternateContent>
  <xr:revisionPtr revIDLastSave="0" documentId="8_{7A6686B6-3AFE-4538-9E67-5CED117B831E}" xr6:coauthVersionLast="47" xr6:coauthVersionMax="47" xr10:uidLastSave="{00000000-0000-0000-0000-000000000000}"/>
  <bookViews>
    <workbookView xWindow="-120" yWindow="-120" windowWidth="29040" windowHeight="15840" xr2:uid="{D2E80D1F-2D82-4F25-BA7D-5A1802FE8D02}"/>
  </bookViews>
  <sheets>
    <sheet name="22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20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1" uniqueCount="29">
  <si>
    <t>名称№２２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舗装補修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舗装補修</t>
  </si>
  <si>
    <t>細粒度アスコン</t>
  </si>
  <si>
    <t>ｔ</t>
  </si>
  <si>
    <t>砕石０～４０ｍｍ</t>
  </si>
  <si>
    <t>ｍ3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F5277052-CB43-4129-9EBA-45E8375A8744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70;&#21336;&#20385;&#22865;&#32004;/R6/&#9314;&#19968;&#33324;&#31478;&#20105;&#20837;&#26413;/3.&#21578;&#31034;&#36215;&#26696;&#65288;&#26989;&#21209;&#22996;&#35351;&#12288;&#65298;&#38917;&#30446;&#20197;&#19978;&#65289;/&#21578;&#31034;&#29992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"/>
      <sheetName val="220"/>
      <sheetName val="227"/>
      <sheetName val="234"/>
      <sheetName val="237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548AA7-7D60-4D82-96FC-178E71C8B468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M28" sqref="M28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60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6</v>
      </c>
      <c r="F10" s="31">
        <v>6</v>
      </c>
      <c r="G10" s="38"/>
      <c r="H10" s="33"/>
    </row>
    <row r="11" spans="1:10" ht="24.95" customHeight="1" x14ac:dyDescent="0.15">
      <c r="A11" s="26"/>
      <c r="B11" s="34"/>
      <c r="C11" s="35"/>
      <c r="D11" s="36"/>
      <c r="E11" s="37"/>
      <c r="F11" s="31"/>
      <c r="G11" s="38"/>
      <c r="H11" s="33"/>
    </row>
    <row r="12" spans="1:10" ht="24.95" customHeight="1" x14ac:dyDescent="0.15">
      <c r="A12" s="26"/>
      <c r="B12" s="34"/>
      <c r="C12" s="35"/>
      <c r="D12" s="36"/>
      <c r="E12" s="37"/>
      <c r="F12" s="31"/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17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18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19</v>
      </c>
      <c r="H42" s="65"/>
    </row>
    <row r="43" spans="1:8" ht="20.100000000000001" customHeight="1" x14ac:dyDescent="0.15">
      <c r="A43" s="65"/>
      <c r="B43" s="65" t="s">
        <v>20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1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2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3</v>
      </c>
      <c r="E46" s="65"/>
      <c r="F46" s="65"/>
      <c r="G46" s="65"/>
      <c r="H46" s="66" t="s">
        <v>24</v>
      </c>
    </row>
    <row r="47" spans="1:8" ht="20.100000000000001" customHeight="1" x14ac:dyDescent="0.15">
      <c r="A47" s="65"/>
      <c r="B47" s="65"/>
      <c r="C47" s="65"/>
      <c r="D47" s="66" t="s">
        <v>25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6</v>
      </c>
      <c r="E49" s="65"/>
      <c r="F49" s="68"/>
      <c r="G49" s="65"/>
      <c r="H49" s="66" t="s">
        <v>24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7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28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0</vt:lpstr>
      <vt:lpstr>'22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4-02-14T04:21:03Z</dcterms:created>
  <dcterms:modified xsi:type="dcterms:W3CDTF">2024-02-14T04:21:20Z</dcterms:modified>
</cp:coreProperties>
</file>